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63_2022 - Striekačka jednorázová 50 ml\02. Príprava\03. PTK\01. Odoslané\"/>
    </mc:Choice>
  </mc:AlternateContent>
  <bookViews>
    <workbookView xWindow="-105" yWindow="-105" windowWidth="19425" windowHeight="10425"/>
  </bookViews>
  <sheets>
    <sheet name="Cenová ponuka" sheetId="8" r:id="rId1"/>
  </sheets>
  <definedNames>
    <definedName name="_xlnm.Print_Area" localSheetId="0">'Cenová ponuka'!$A$1:$E$11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0" uniqueCount="14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 xml:space="preserve"> Striekačka jednorazová 50 ml</t>
  </si>
  <si>
    <t>Položka č. 1 -  Striekačka jednorazová 50 ml</t>
  </si>
  <si>
    <t>štandardná injekčná striekačka</t>
  </si>
  <si>
    <t>1.13.1</t>
  </si>
  <si>
    <t>1.13.2</t>
  </si>
  <si>
    <t>1.13.3</t>
  </si>
  <si>
    <t>1.13.4</t>
  </si>
  <si>
    <t>striekačka musí byť 3- dielna: telo, piest a zadržiavací krúžok</t>
  </si>
  <si>
    <t>pracovný objem striekačky: 50 ml</t>
  </si>
  <si>
    <t>dobre viditeľná, nezmývateľná stupnica s ciachovaním po 1 ml</t>
  </si>
  <si>
    <t>šrubovacia</t>
  </si>
  <si>
    <t>nepriepustná</t>
  </si>
  <si>
    <t>vyrobená z materiálu s vysokou priehľadnosťou pre jednoduchosť odhalenia prítomnosti vzduchových bublín a čiastočiek v striekačke</t>
  </si>
  <si>
    <t>piest s kĺzavosťou umožňujúcou ľahký pohyb z dôvodu zabezpečenia presného naberania a dávkovania medikamentov</t>
  </si>
  <si>
    <t>bez pyrogénov, netoxické</t>
  </si>
  <si>
    <t>musí byť kompatibilná s infúznou pumpou / lineárnym dávkovačom Perfusor Space od výrobcu B.Braun Melsungen AG</t>
  </si>
  <si>
    <t>sterilné balenie: 1 ks</t>
  </si>
  <si>
    <t>nepremokavý obal z polypropylénu</t>
  </si>
  <si>
    <t>obal musí obsahovať minimálne:</t>
  </si>
  <si>
    <t>názov</t>
  </si>
  <si>
    <t>veľkosť</t>
  </si>
  <si>
    <t>expiráciu</t>
  </si>
  <si>
    <t>katalógové číslo.</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 xml:space="preserve">22. </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33141310-6 - Injekčné striekačk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u/>
      <sz val="10"/>
      <color rgb="FF0070C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6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style="dotted">
        <color auto="1"/>
      </top>
      <bottom style="medium">
        <color indexed="64"/>
      </bottom>
      <diagonal/>
    </border>
    <border>
      <left/>
      <right style="thin">
        <color indexed="64"/>
      </right>
      <top style="thin">
        <color auto="1"/>
      </top>
      <bottom style="dotted">
        <color auto="1"/>
      </bottom>
      <diagonal/>
    </border>
    <border>
      <left/>
      <right style="thin">
        <color auto="1"/>
      </right>
      <top style="dotted">
        <color auto="1"/>
      </top>
      <bottom style="dotted">
        <color auto="1"/>
      </bottom>
      <diagonal/>
    </border>
    <border>
      <left/>
      <right style="thin">
        <color auto="1"/>
      </right>
      <top style="dotted">
        <color auto="1"/>
      </top>
      <bottom style="thin">
        <color auto="1"/>
      </bottom>
      <diagonal/>
    </border>
    <border>
      <left style="thin">
        <color indexed="64"/>
      </left>
      <right style="thin">
        <color indexed="64"/>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medium">
        <color auto="1"/>
      </top>
      <bottom style="thin">
        <color auto="1"/>
      </bottom>
      <diagonal/>
    </border>
    <border>
      <left style="thin">
        <color auto="1"/>
      </left>
      <right/>
      <top/>
      <bottom style="dotted">
        <color indexed="64"/>
      </bottom>
      <diagonal/>
    </border>
    <border>
      <left style="medium">
        <color auto="1"/>
      </left>
      <right style="thin">
        <color auto="1"/>
      </right>
      <top style="dotted">
        <color auto="1"/>
      </top>
      <bottom/>
      <diagonal/>
    </border>
    <border>
      <left style="medium">
        <color auto="1"/>
      </left>
      <right style="thin">
        <color auto="1"/>
      </right>
      <top/>
      <bottom style="thin">
        <color auto="1"/>
      </bottom>
      <diagonal/>
    </border>
    <border>
      <left style="thin">
        <color auto="1"/>
      </left>
      <right/>
      <top style="dotted">
        <color auto="1"/>
      </top>
      <bottom style="thin">
        <color auto="1"/>
      </bottom>
      <diagonal/>
    </border>
    <border>
      <left style="thin">
        <color auto="1"/>
      </left>
      <right/>
      <top/>
      <bottom style="thin">
        <color auto="1"/>
      </bottom>
      <diagonal/>
    </border>
    <border>
      <left style="thin">
        <color auto="1"/>
      </left>
      <right/>
      <top/>
      <bottom/>
      <diagonal/>
    </border>
    <border>
      <left style="thin">
        <color auto="1"/>
      </left>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3"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7"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4" xfId="0" applyFont="1" applyBorder="1" applyAlignment="1">
      <alignment horizontal="left" vertical="center" wrapText="1"/>
    </xf>
    <xf numFmtId="0" fontId="7" fillId="0" borderId="36"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4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3" xfId="0" applyFont="1" applyFill="1" applyBorder="1" applyAlignment="1">
      <alignment horizontal="left" vertical="center" wrapText="1"/>
    </xf>
    <xf numFmtId="0" fontId="3" fillId="0" borderId="31" xfId="0" applyFont="1" applyFill="1" applyBorder="1" applyAlignment="1">
      <alignment horizontal="left" vertical="center" wrapText="1"/>
    </xf>
    <xf numFmtId="0" fontId="10" fillId="0" borderId="0" xfId="0" applyFont="1" applyFill="1" applyAlignment="1">
      <alignment vertical="center" wrapText="1"/>
    </xf>
    <xf numFmtId="0" fontId="7" fillId="0" borderId="42" xfId="0" applyNumberFormat="1" applyFont="1" applyBorder="1" applyAlignment="1">
      <alignment horizontal="center" vertical="center" wrapText="1"/>
    </xf>
    <xf numFmtId="0" fontId="4" fillId="0" borderId="44" xfId="0" applyFont="1" applyBorder="1" applyAlignment="1">
      <alignment horizontal="left" vertical="center" wrapText="1"/>
    </xf>
    <xf numFmtId="16" fontId="4" fillId="0" borderId="9" xfId="0" applyNumberFormat="1" applyFont="1" applyBorder="1" applyAlignment="1">
      <alignment horizontal="center" vertical="center" wrapText="1"/>
    </xf>
    <xf numFmtId="3" fontId="13" fillId="0" borderId="15" xfId="0" applyNumberFormat="1" applyFont="1" applyBorder="1" applyAlignment="1">
      <alignment horizontal="center" vertical="center" wrapText="1"/>
    </xf>
    <xf numFmtId="16" fontId="4" fillId="0" borderId="43" xfId="0" applyNumberFormat="1" applyFont="1" applyBorder="1" applyAlignment="1">
      <alignment horizontal="center" vertical="center" wrapText="1"/>
    </xf>
    <xf numFmtId="0" fontId="4" fillId="0" borderId="51" xfId="0" applyFont="1" applyBorder="1" applyAlignment="1">
      <alignment horizontal="left" vertical="center" wrapText="1"/>
    </xf>
    <xf numFmtId="0" fontId="10" fillId="0" borderId="0" xfId="0" applyFont="1" applyBorder="1" applyAlignment="1">
      <alignment horizontal="center" vertical="center" wrapText="1"/>
    </xf>
    <xf numFmtId="0" fontId="4" fillId="0" borderId="9" xfId="0" applyNumberFormat="1" applyFont="1" applyBorder="1" applyAlignment="1">
      <alignment horizontal="center" vertical="center" wrapText="1"/>
    </xf>
    <xf numFmtId="0" fontId="4" fillId="0" borderId="14" xfId="0" applyNumberFormat="1" applyFont="1" applyBorder="1" applyAlignment="1">
      <alignment horizontal="center" vertical="center" wrapText="1"/>
    </xf>
    <xf numFmtId="17" fontId="4" fillId="0" borderId="9" xfId="0" applyNumberFormat="1" applyFont="1" applyBorder="1" applyAlignment="1">
      <alignment horizontal="center" vertical="center" wrapText="1"/>
    </xf>
    <xf numFmtId="0" fontId="7" fillId="0" borderId="52" xfId="0" applyNumberFormat="1" applyFont="1" applyBorder="1" applyAlignment="1">
      <alignment horizontal="center" vertical="center" wrapText="1"/>
    </xf>
    <xf numFmtId="0" fontId="7" fillId="0" borderId="53" xfId="0" applyNumberFormat="1" applyFont="1" applyBorder="1" applyAlignment="1">
      <alignment horizontal="center" vertical="center" wrapText="1"/>
    </xf>
    <xf numFmtId="0" fontId="7" fillId="0" borderId="54" xfId="0" applyNumberFormat="1" applyFont="1" applyBorder="1" applyAlignment="1">
      <alignment horizontal="center" vertical="center" wrapText="1"/>
    </xf>
    <xf numFmtId="49" fontId="2" fillId="0" borderId="48" xfId="0" applyNumberFormat="1" applyFont="1" applyFill="1" applyBorder="1" applyAlignment="1">
      <alignment horizontal="center" vertical="center" wrapText="1"/>
    </xf>
    <xf numFmtId="0" fontId="2" fillId="0" borderId="55"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7" fillId="0" borderId="40" xfId="0" applyNumberFormat="1" applyFont="1" applyBorder="1" applyAlignment="1">
      <alignment horizontal="center" vertical="center" wrapText="1"/>
    </xf>
    <xf numFmtId="0" fontId="2" fillId="0" borderId="59" xfId="0" applyFont="1" applyFill="1" applyBorder="1" applyAlignment="1">
      <alignment horizontal="left" vertical="center" wrapText="1"/>
    </xf>
    <xf numFmtId="0" fontId="2" fillId="0" borderId="60" xfId="0" applyFont="1" applyFill="1" applyBorder="1" applyAlignment="1">
      <alignment horizontal="left" vertical="center" wrapText="1"/>
    </xf>
    <xf numFmtId="49" fontId="2" fillId="0" borderId="35" xfId="0" applyNumberFormat="1" applyFont="1" applyFill="1" applyBorder="1" applyAlignment="1">
      <alignment horizontal="center" vertical="center" wrapText="1"/>
    </xf>
    <xf numFmtId="0" fontId="4" fillId="0" borderId="61" xfId="0" applyFont="1" applyFill="1" applyBorder="1" applyAlignment="1">
      <alignment horizontal="left" vertical="center" wrapText="1"/>
    </xf>
    <xf numFmtId="49" fontId="2" fillId="0" borderId="10" xfId="0" applyNumberFormat="1" applyFont="1" applyFill="1" applyBorder="1" applyAlignment="1">
      <alignment horizontal="center" vertical="center" wrapText="1"/>
    </xf>
    <xf numFmtId="0" fontId="4" fillId="0" borderId="5" xfId="0" applyFont="1" applyFill="1" applyBorder="1" applyAlignment="1">
      <alignment horizontal="left" vertical="center" wrapText="1"/>
    </xf>
    <xf numFmtId="49" fontId="2" fillId="0" borderId="43" xfId="0" applyNumberFormat="1" applyFont="1" applyFill="1" applyBorder="1" applyAlignment="1">
      <alignment horizontal="center" vertical="center" wrapText="1"/>
    </xf>
    <xf numFmtId="0" fontId="4" fillId="0" borderId="62" xfId="0" applyFont="1" applyFill="1" applyBorder="1" applyAlignment="1">
      <alignment horizontal="left" vertical="center" wrapText="1"/>
    </xf>
    <xf numFmtId="49" fontId="2" fillId="0" borderId="58" xfId="0" applyNumberFormat="1" applyFont="1" applyFill="1" applyBorder="1" applyAlignment="1">
      <alignment horizontal="right" vertical="center" wrapText="1"/>
    </xf>
    <xf numFmtId="0" fontId="4" fillId="0" borderId="31" xfId="0" applyFont="1" applyFill="1" applyBorder="1" applyAlignment="1">
      <alignment horizontal="left" vertical="center" wrapText="1"/>
    </xf>
    <xf numFmtId="49" fontId="2" fillId="0" borderId="63" xfId="0" applyNumberFormat="1" applyFont="1" applyFill="1" applyBorder="1" applyAlignment="1">
      <alignment horizontal="right" vertical="center" wrapText="1"/>
    </xf>
    <xf numFmtId="49" fontId="2" fillId="0" borderId="9" xfId="0" applyNumberFormat="1" applyFont="1" applyFill="1" applyBorder="1" applyAlignment="1">
      <alignment horizontal="right" vertical="center" wrapText="1"/>
    </xf>
    <xf numFmtId="49" fontId="2" fillId="0" borderId="64" xfId="0" applyNumberFormat="1" applyFont="1" applyFill="1" applyBorder="1" applyAlignment="1">
      <alignment horizontal="right" vertical="center" wrapText="1"/>
    </xf>
    <xf numFmtId="0" fontId="4" fillId="0" borderId="65"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66" xfId="0" applyFont="1" applyFill="1" applyBorder="1" applyAlignment="1">
      <alignment horizontal="left" vertical="center" wrapText="1"/>
    </xf>
    <xf numFmtId="49" fontId="4" fillId="0" borderId="10" xfId="0" applyNumberFormat="1" applyFont="1" applyFill="1" applyBorder="1" applyAlignment="1">
      <alignment horizontal="center" vertical="center" wrapText="1"/>
    </xf>
    <xf numFmtId="49" fontId="2" fillId="0" borderId="39" xfId="0" applyNumberFormat="1" applyFont="1" applyFill="1" applyBorder="1" applyAlignment="1">
      <alignment horizontal="center" vertical="center" wrapText="1"/>
    </xf>
    <xf numFmtId="0" fontId="4" fillId="0" borderId="67"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4" fillId="0" borderId="68" xfId="0" applyFont="1" applyFill="1" applyBorder="1" applyAlignment="1">
      <alignment horizontal="left" vertical="center" wrapText="1"/>
    </xf>
    <xf numFmtId="0" fontId="2" fillId="0" borderId="56"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22" xfId="0" applyNumberFormat="1"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5"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3" fillId="4" borderId="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0" xfId="0" applyFont="1" applyAlignment="1">
      <alignment horizontal="left"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49" fontId="2" fillId="0" borderId="46" xfId="0" applyNumberFormat="1" applyFont="1" applyBorder="1" applyAlignment="1">
      <alignment horizontal="left" vertical="center" wrapText="1"/>
    </xf>
    <xf numFmtId="49" fontId="2" fillId="0" borderId="47" xfId="0" applyNumberFormat="1" applyFont="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2" fillId="0" borderId="0" xfId="0" applyFont="1" applyAlignment="1">
      <alignment horizontal="center"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0" fontId="2" fillId="0" borderId="49" xfId="0" applyFont="1" applyFill="1" applyBorder="1" applyAlignment="1">
      <alignment horizontal="center" vertical="center" wrapText="1"/>
    </xf>
    <xf numFmtId="0" fontId="2" fillId="0" borderId="50" xfId="0" applyFont="1" applyFill="1" applyBorder="1" applyAlignment="1">
      <alignment horizontal="center" vertical="center"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1"/>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1" t="s">
        <v>50</v>
      </c>
      <c r="B1" s="141"/>
      <c r="C1" s="141"/>
      <c r="D1" s="141"/>
      <c r="E1" s="141"/>
    </row>
    <row r="2" spans="1:5" ht="27.75" customHeight="1" x14ac:dyDescent="0.2">
      <c r="A2" s="143" t="s">
        <v>48</v>
      </c>
      <c r="B2" s="143"/>
      <c r="C2" s="143"/>
      <c r="D2" s="143"/>
      <c r="E2" s="143"/>
    </row>
    <row r="3" spans="1:5" ht="56.1" customHeight="1" x14ac:dyDescent="0.2">
      <c r="A3" s="147" t="s">
        <v>54</v>
      </c>
      <c r="B3" s="147"/>
      <c r="C3" s="147"/>
      <c r="D3" s="147"/>
      <c r="E3" s="147"/>
    </row>
    <row r="4" spans="1:5" ht="24.95" customHeight="1" x14ac:dyDescent="0.2">
      <c r="A4" s="46" t="s">
        <v>53</v>
      </c>
      <c r="B4" s="52"/>
      <c r="C4" s="40"/>
      <c r="D4" s="40"/>
      <c r="E4" s="40"/>
    </row>
    <row r="5" spans="1:5" ht="24.95" customHeight="1" x14ac:dyDescent="0.2">
      <c r="A5" s="46" t="s">
        <v>51</v>
      </c>
      <c r="B5" s="53"/>
      <c r="C5" s="40"/>
      <c r="D5" s="40"/>
      <c r="E5" s="40"/>
    </row>
    <row r="6" spans="1:5" ht="5.0999999999999996" customHeight="1" x14ac:dyDescent="0.2">
      <c r="A6" s="40"/>
      <c r="B6" s="40"/>
      <c r="C6" s="40"/>
      <c r="D6" s="40"/>
      <c r="E6" s="40"/>
    </row>
    <row r="7" spans="1:5" s="2" customFormat="1" ht="20.100000000000001" customHeight="1" x14ac:dyDescent="0.25">
      <c r="A7" s="144" t="s">
        <v>4</v>
      </c>
      <c r="B7" s="144"/>
      <c r="C7" s="144"/>
      <c r="D7" s="144"/>
      <c r="E7" s="144"/>
    </row>
    <row r="8" spans="1:5" s="2" customFormat="1" ht="20.100000000000001" customHeight="1" x14ac:dyDescent="0.25">
      <c r="A8" s="148" t="s">
        <v>8</v>
      </c>
      <c r="B8" s="148"/>
      <c r="C8" s="148"/>
      <c r="D8" s="148"/>
      <c r="E8" s="148"/>
    </row>
    <row r="9" spans="1:5" ht="24.95" customHeight="1" x14ac:dyDescent="0.2">
      <c r="A9" s="149" t="s">
        <v>91</v>
      </c>
      <c r="B9" s="149"/>
      <c r="C9" s="149"/>
      <c r="D9" s="149"/>
      <c r="E9" s="149"/>
    </row>
    <row r="10" spans="1:5" ht="4.5" customHeight="1" x14ac:dyDescent="0.2">
      <c r="A10" s="42"/>
      <c r="B10" s="42"/>
      <c r="C10" s="42"/>
      <c r="D10" s="42"/>
      <c r="E10" s="42"/>
    </row>
    <row r="11" spans="1:5" s="2" customFormat="1" ht="20.100000000000001" customHeight="1" x14ac:dyDescent="0.25">
      <c r="A11" s="120" t="s">
        <v>9</v>
      </c>
      <c r="B11" s="120"/>
      <c r="C11" s="120"/>
      <c r="D11" s="120"/>
      <c r="E11" s="120"/>
    </row>
    <row r="12" spans="1:5" s="2" customFormat="1" ht="24.95" customHeight="1" x14ac:dyDescent="0.2">
      <c r="A12" s="142" t="s">
        <v>145</v>
      </c>
      <c r="B12" s="142"/>
      <c r="C12" s="142"/>
      <c r="D12" s="16"/>
      <c r="E12" s="16"/>
    </row>
    <row r="13" spans="1:5" s="3" customFormat="1" ht="20.100000000000001" customHeight="1" x14ac:dyDescent="0.25">
      <c r="A13" s="142" t="s">
        <v>25</v>
      </c>
      <c r="B13" s="142"/>
      <c r="C13" s="142"/>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45" t="s">
        <v>60</v>
      </c>
      <c r="B16" s="145"/>
      <c r="C16" s="145"/>
      <c r="D16" s="22"/>
      <c r="E16" s="23"/>
    </row>
    <row r="17" spans="1:5" ht="5.0999999999999996" customHeight="1" x14ac:dyDescent="0.2">
      <c r="A17" s="121"/>
      <c r="B17" s="121"/>
      <c r="C17" s="121"/>
      <c r="E17" s="17"/>
    </row>
    <row r="18" spans="1:5" s="2" customFormat="1" ht="20.100000000000001" customHeight="1" x14ac:dyDescent="0.25">
      <c r="A18" s="144" t="s">
        <v>22</v>
      </c>
      <c r="B18" s="144"/>
      <c r="C18" s="144"/>
      <c r="D18" s="144"/>
      <c r="E18" s="144"/>
    </row>
    <row r="19" spans="1:5" ht="24.95" customHeight="1" x14ac:dyDescent="0.2">
      <c r="A19" s="142" t="s">
        <v>91</v>
      </c>
      <c r="B19" s="142"/>
      <c r="C19" s="142"/>
      <c r="D19" s="142"/>
      <c r="E19" s="142"/>
    </row>
    <row r="20" spans="1:5" ht="5.0999999999999996" customHeight="1" x14ac:dyDescent="0.2">
      <c r="A20" s="121"/>
      <c r="B20" s="121"/>
      <c r="C20" s="121"/>
      <c r="E20" s="17"/>
    </row>
    <row r="21" spans="1:5" s="2" customFormat="1" ht="20.100000000000001" customHeight="1" x14ac:dyDescent="0.25">
      <c r="A21" s="144" t="s">
        <v>23</v>
      </c>
      <c r="B21" s="144"/>
      <c r="C21" s="144"/>
      <c r="D21" s="144"/>
      <c r="E21" s="144"/>
    </row>
    <row r="22" spans="1:5" s="9" customFormat="1" ht="20.100000000000001" customHeight="1" x14ac:dyDescent="0.25">
      <c r="A22" s="146" t="s">
        <v>5</v>
      </c>
      <c r="B22" s="146"/>
      <c r="C22" s="146"/>
      <c r="D22" s="146"/>
      <c r="E22" s="146"/>
    </row>
    <row r="23" spans="1:5" s="9" customFormat="1" ht="20.100000000000001" customHeight="1" x14ac:dyDescent="0.25">
      <c r="A23" s="135" t="s">
        <v>17</v>
      </c>
      <c r="B23" s="136"/>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35" t="s">
        <v>18</v>
      </c>
      <c r="B26" s="136"/>
      <c r="C26" s="15"/>
      <c r="D26" s="15"/>
      <c r="E26" s="15"/>
    </row>
    <row r="27" spans="1:5" s="9" customFormat="1" ht="31.5" customHeight="1" x14ac:dyDescent="0.25">
      <c r="A27" s="20" t="s">
        <v>70</v>
      </c>
      <c r="B27" s="139" t="s">
        <v>12</v>
      </c>
      <c r="C27" s="140"/>
      <c r="D27" s="21" t="s">
        <v>11</v>
      </c>
      <c r="E27" s="21" t="s">
        <v>13</v>
      </c>
    </row>
    <row r="28" spans="1:5" s="9" customFormat="1" ht="24.95" customHeight="1" x14ac:dyDescent="0.25">
      <c r="A28" s="18" t="s">
        <v>71</v>
      </c>
      <c r="B28" s="115" t="s">
        <v>91</v>
      </c>
      <c r="C28" s="116"/>
      <c r="D28" s="19" t="s">
        <v>1</v>
      </c>
      <c r="E28" s="71">
        <v>50160</v>
      </c>
    </row>
    <row r="29" spans="1:5" s="9" customFormat="1" ht="4.5" customHeight="1" x14ac:dyDescent="0.25">
      <c r="A29" s="15"/>
      <c r="B29" s="15"/>
      <c r="C29" s="15"/>
      <c r="D29" s="15"/>
      <c r="E29" s="15"/>
    </row>
    <row r="30" spans="1:5" s="9" customFormat="1" ht="20.100000000000001" customHeight="1" x14ac:dyDescent="0.25">
      <c r="A30" s="135" t="s">
        <v>19</v>
      </c>
      <c r="B30" s="136"/>
      <c r="C30" s="15"/>
      <c r="D30" s="15"/>
      <c r="E30" s="15"/>
    </row>
    <row r="31" spans="1:5" s="9" customFormat="1" ht="20.100000000000001" customHeight="1" x14ac:dyDescent="0.2">
      <c r="A31" s="10"/>
      <c r="B31" s="9" t="s">
        <v>2</v>
      </c>
      <c r="C31" s="15"/>
      <c r="D31" s="15"/>
      <c r="E31" s="15"/>
    </row>
    <row r="32" spans="1:5" s="9" customFormat="1" ht="20.100000000000001" customHeight="1" x14ac:dyDescent="0.25">
      <c r="A32" s="14"/>
      <c r="B32" s="2" t="s">
        <v>3</v>
      </c>
      <c r="C32" s="15"/>
      <c r="D32" s="15"/>
      <c r="E32" s="15"/>
    </row>
    <row r="33" spans="1:6" ht="5.0999999999999996" customHeight="1" x14ac:dyDescent="0.2"/>
    <row r="34" spans="1:6" s="2" customFormat="1" ht="20.100000000000001" customHeight="1" x14ac:dyDescent="0.25">
      <c r="A34" s="144" t="s">
        <v>24</v>
      </c>
      <c r="B34" s="144"/>
      <c r="C34" s="144"/>
      <c r="D34" s="144"/>
      <c r="E34" s="144"/>
    </row>
    <row r="35" spans="1:6" s="2" customFormat="1" ht="5.0999999999999996" customHeight="1" thickBot="1" x14ac:dyDescent="0.3">
      <c r="A35" s="17"/>
      <c r="C35" s="6"/>
      <c r="D35" s="6"/>
      <c r="E35" s="6"/>
    </row>
    <row r="36" spans="1:6" s="3" customFormat="1" ht="93" customHeight="1" x14ac:dyDescent="0.25">
      <c r="A36" s="122" t="s">
        <v>0</v>
      </c>
      <c r="B36" s="123"/>
      <c r="C36" s="126" t="s">
        <v>26</v>
      </c>
      <c r="D36" s="127"/>
      <c r="E36" s="128"/>
      <c r="F36" s="26"/>
    </row>
    <row r="37" spans="1:6" s="3" customFormat="1" ht="30" customHeight="1" thickBot="1" x14ac:dyDescent="0.3">
      <c r="A37" s="124"/>
      <c r="B37" s="125"/>
      <c r="C37" s="27" t="s">
        <v>27</v>
      </c>
      <c r="D37" s="137" t="s">
        <v>28</v>
      </c>
      <c r="E37" s="138"/>
    </row>
    <row r="38" spans="1:6" s="28" customFormat="1" ht="30.75" customHeight="1" x14ac:dyDescent="0.25">
      <c r="A38" s="133" t="s">
        <v>92</v>
      </c>
      <c r="B38" s="134"/>
      <c r="C38" s="48"/>
      <c r="D38" s="48"/>
      <c r="E38" s="49"/>
    </row>
    <row r="39" spans="1:6" s="4" customFormat="1" ht="20.100000000000001" customHeight="1" x14ac:dyDescent="0.25">
      <c r="A39" s="72">
        <v>44562</v>
      </c>
      <c r="B39" s="69" t="s">
        <v>93</v>
      </c>
      <c r="C39" s="51"/>
      <c r="D39" s="131"/>
      <c r="E39" s="132"/>
    </row>
    <row r="40" spans="1:6" s="4" customFormat="1" ht="20.100000000000001" customHeight="1" x14ac:dyDescent="0.25">
      <c r="A40" s="70">
        <v>44593</v>
      </c>
      <c r="B40" s="56" t="s">
        <v>98</v>
      </c>
      <c r="C40" s="51"/>
      <c r="D40" s="111"/>
      <c r="E40" s="112"/>
    </row>
    <row r="41" spans="1:6" s="4" customFormat="1" ht="20.100000000000001" customHeight="1" x14ac:dyDescent="0.25">
      <c r="A41" s="70">
        <v>44621</v>
      </c>
      <c r="B41" s="56" t="s">
        <v>99</v>
      </c>
      <c r="C41" s="51"/>
      <c r="D41" s="111"/>
      <c r="E41" s="112"/>
    </row>
    <row r="42" spans="1:6" s="4" customFormat="1" ht="20.100000000000001" customHeight="1" x14ac:dyDescent="0.25">
      <c r="A42" s="70">
        <v>44652</v>
      </c>
      <c r="B42" s="56" t="s">
        <v>100</v>
      </c>
      <c r="C42" s="51"/>
      <c r="D42" s="111"/>
      <c r="E42" s="112"/>
    </row>
    <row r="43" spans="1:6" s="4" customFormat="1" ht="20.100000000000001" customHeight="1" thickBot="1" x14ac:dyDescent="0.3">
      <c r="A43" s="70">
        <v>44682</v>
      </c>
      <c r="B43" s="56" t="s">
        <v>101</v>
      </c>
      <c r="C43" s="68"/>
      <c r="D43" s="111"/>
      <c r="E43" s="112"/>
    </row>
    <row r="44" spans="1:6" s="4" customFormat="1" ht="20.100000000000001" customHeight="1" x14ac:dyDescent="0.25">
      <c r="A44" s="70">
        <v>44713</v>
      </c>
      <c r="B44" s="56" t="s">
        <v>102</v>
      </c>
      <c r="C44" s="51"/>
      <c r="D44" s="111"/>
      <c r="E44" s="112"/>
    </row>
    <row r="45" spans="1:6" s="4" customFormat="1" ht="30" customHeight="1" x14ac:dyDescent="0.25">
      <c r="A45" s="70">
        <v>44743</v>
      </c>
      <c r="B45" s="56" t="s">
        <v>103</v>
      </c>
      <c r="C45" s="78"/>
      <c r="D45" s="111"/>
      <c r="E45" s="112"/>
    </row>
    <row r="46" spans="1:6" s="4" customFormat="1" ht="30" customHeight="1" x14ac:dyDescent="0.25">
      <c r="A46" s="70">
        <v>44774</v>
      </c>
      <c r="B46" s="56" t="s">
        <v>104</v>
      </c>
      <c r="C46" s="79"/>
      <c r="D46" s="111"/>
      <c r="E46" s="112"/>
    </row>
    <row r="47" spans="1:6" s="4" customFormat="1" ht="20.100000000000001" customHeight="1" x14ac:dyDescent="0.25">
      <c r="A47" s="70">
        <v>44805</v>
      </c>
      <c r="B47" s="56" t="s">
        <v>105</v>
      </c>
      <c r="C47" s="79"/>
      <c r="D47" s="111"/>
      <c r="E47" s="112"/>
    </row>
    <row r="48" spans="1:6" s="4" customFormat="1" ht="30" customHeight="1" x14ac:dyDescent="0.25">
      <c r="A48" s="70">
        <v>44835</v>
      </c>
      <c r="B48" s="56" t="s">
        <v>106</v>
      </c>
      <c r="C48" s="79"/>
      <c r="D48" s="111"/>
      <c r="E48" s="112"/>
    </row>
    <row r="49" spans="1:6" s="4" customFormat="1" ht="20.100000000000001" customHeight="1" x14ac:dyDescent="0.25">
      <c r="A49" s="70">
        <v>44866</v>
      </c>
      <c r="B49" s="56" t="s">
        <v>107</v>
      </c>
      <c r="C49" s="79"/>
      <c r="D49" s="111"/>
      <c r="E49" s="112"/>
    </row>
    <row r="50" spans="1:6" s="4" customFormat="1" ht="20.100000000000001" customHeight="1" x14ac:dyDescent="0.25">
      <c r="A50" s="70">
        <v>44896</v>
      </c>
      <c r="B50" s="56" t="s">
        <v>108</v>
      </c>
      <c r="C50" s="79"/>
      <c r="D50" s="111"/>
      <c r="E50" s="112"/>
    </row>
    <row r="51" spans="1:6" s="4" customFormat="1" ht="20.100000000000001" customHeight="1" x14ac:dyDescent="0.25">
      <c r="A51" s="77">
        <v>41275</v>
      </c>
      <c r="B51" s="56" t="s">
        <v>109</v>
      </c>
      <c r="C51" s="79"/>
      <c r="D51" s="111"/>
      <c r="E51" s="112"/>
    </row>
    <row r="52" spans="1:6" s="4" customFormat="1" ht="20.100000000000001" customHeight="1" x14ac:dyDescent="0.25">
      <c r="A52" s="75" t="s">
        <v>94</v>
      </c>
      <c r="B52" s="56" t="s">
        <v>110</v>
      </c>
      <c r="C52" s="79"/>
      <c r="D52" s="111"/>
      <c r="E52" s="112"/>
    </row>
    <row r="53" spans="1:6" s="4" customFormat="1" ht="20.100000000000001" customHeight="1" x14ac:dyDescent="0.25">
      <c r="A53" s="75" t="s">
        <v>95</v>
      </c>
      <c r="B53" s="56" t="s">
        <v>111</v>
      </c>
      <c r="C53" s="79"/>
      <c r="D53" s="111"/>
      <c r="E53" s="112"/>
    </row>
    <row r="54" spans="1:6" s="4" customFormat="1" ht="20.100000000000001" customHeight="1" x14ac:dyDescent="0.25">
      <c r="A54" s="75" t="s">
        <v>96</v>
      </c>
      <c r="B54" s="56" t="s">
        <v>112</v>
      </c>
      <c r="C54" s="80"/>
      <c r="D54" s="111"/>
      <c r="E54" s="112"/>
    </row>
    <row r="55" spans="1:6" s="4" customFormat="1" ht="20.100000000000001" customHeight="1" thickBot="1" x14ac:dyDescent="0.3">
      <c r="A55" s="76" t="s">
        <v>97</v>
      </c>
      <c r="B55" s="73" t="s">
        <v>113</v>
      </c>
      <c r="C55" s="68"/>
      <c r="D55" s="113"/>
      <c r="E55" s="114"/>
    </row>
    <row r="56" spans="1:6" s="3" customFormat="1" ht="5.0999999999999996" customHeight="1" x14ac:dyDescent="0.25">
      <c r="A56" s="5"/>
      <c r="B56" s="5"/>
      <c r="C56" s="7"/>
      <c r="D56" s="7"/>
      <c r="E56" s="29"/>
    </row>
    <row r="57" spans="1:6" s="2" customFormat="1" ht="20.100000000000001" customHeight="1" x14ac:dyDescent="0.25">
      <c r="A57" s="144" t="s">
        <v>49</v>
      </c>
      <c r="B57" s="144"/>
      <c r="C57" s="144"/>
      <c r="D57" s="144"/>
      <c r="E57" s="144"/>
    </row>
    <row r="58" spans="1:6" s="2" customFormat="1" ht="5.0999999999999996" customHeight="1" thickBot="1" x14ac:dyDescent="0.3">
      <c r="A58" s="17"/>
      <c r="C58" s="6"/>
      <c r="D58" s="6"/>
      <c r="E58" s="6"/>
    </row>
    <row r="59" spans="1:6" s="3" customFormat="1" ht="69" customHeight="1" x14ac:dyDescent="0.25">
      <c r="A59" s="122" t="s">
        <v>7</v>
      </c>
      <c r="B59" s="123"/>
      <c r="C59" s="126" t="s">
        <v>29</v>
      </c>
      <c r="D59" s="127"/>
      <c r="E59" s="128"/>
    </row>
    <row r="60" spans="1:6" s="3" customFormat="1" ht="30" customHeight="1" thickBot="1" x14ac:dyDescent="0.3">
      <c r="A60" s="124"/>
      <c r="B60" s="125"/>
      <c r="C60" s="27" t="s">
        <v>6</v>
      </c>
      <c r="D60" s="152" t="s">
        <v>30</v>
      </c>
      <c r="E60" s="153"/>
    </row>
    <row r="61" spans="1:6" s="3" customFormat="1" ht="54.95" customHeight="1" x14ac:dyDescent="0.25">
      <c r="A61" s="87" t="s">
        <v>15</v>
      </c>
      <c r="B61" s="88" t="s">
        <v>116</v>
      </c>
      <c r="C61" s="57"/>
      <c r="D61" s="129"/>
      <c r="E61" s="130"/>
    </row>
    <row r="62" spans="1:6" s="2" customFormat="1" ht="53.25" customHeight="1" x14ac:dyDescent="0.25">
      <c r="A62" s="89" t="s">
        <v>61</v>
      </c>
      <c r="B62" s="90" t="s">
        <v>117</v>
      </c>
      <c r="C62" s="58"/>
      <c r="D62" s="109"/>
      <c r="E62" s="110"/>
      <c r="F62" s="108"/>
    </row>
    <row r="63" spans="1:6" s="2" customFormat="1" ht="15" customHeight="1" x14ac:dyDescent="0.25">
      <c r="A63" s="91" t="s">
        <v>62</v>
      </c>
      <c r="B63" s="92" t="s">
        <v>118</v>
      </c>
      <c r="C63" s="58"/>
      <c r="D63" s="109"/>
      <c r="E63" s="110"/>
      <c r="F63" s="108"/>
    </row>
    <row r="64" spans="1:6" s="2" customFormat="1" ht="29.25" customHeight="1" x14ac:dyDescent="0.25">
      <c r="A64" s="93" t="s">
        <v>72</v>
      </c>
      <c r="B64" s="94" t="s">
        <v>119</v>
      </c>
      <c r="C64" s="58"/>
      <c r="D64" s="109"/>
      <c r="E64" s="110"/>
      <c r="F64" s="108"/>
    </row>
    <row r="65" spans="1:6" s="3" customFormat="1" ht="29.25" customHeight="1" x14ac:dyDescent="0.25">
      <c r="A65" s="95" t="s">
        <v>73</v>
      </c>
      <c r="B65" s="94" t="s">
        <v>120</v>
      </c>
      <c r="C65" s="58"/>
      <c r="D65" s="109"/>
      <c r="E65" s="110"/>
      <c r="F65" s="108"/>
    </row>
    <row r="66" spans="1:6" s="3" customFormat="1" ht="20.100000000000001" customHeight="1" x14ac:dyDescent="0.25">
      <c r="A66" s="95" t="s">
        <v>74</v>
      </c>
      <c r="B66" s="94" t="s">
        <v>121</v>
      </c>
      <c r="C66" s="58"/>
      <c r="D66" s="109"/>
      <c r="E66" s="110"/>
      <c r="F66" s="108"/>
    </row>
    <row r="67" spans="1:6" s="3" customFormat="1" ht="43.5" customHeight="1" x14ac:dyDescent="0.25">
      <c r="A67" s="96" t="s">
        <v>75</v>
      </c>
      <c r="B67" s="94" t="s">
        <v>122</v>
      </c>
      <c r="C67" s="58"/>
      <c r="D67" s="109"/>
      <c r="E67" s="110"/>
      <c r="F67" s="108"/>
    </row>
    <row r="68" spans="1:6" s="2" customFormat="1" ht="117.75" customHeight="1" x14ac:dyDescent="0.25">
      <c r="A68" s="97" t="s">
        <v>76</v>
      </c>
      <c r="B68" s="98" t="s">
        <v>123</v>
      </c>
      <c r="C68" s="58"/>
      <c r="D68" s="109"/>
      <c r="E68" s="110"/>
      <c r="F68" s="108"/>
    </row>
    <row r="69" spans="1:6" s="2" customFormat="1" ht="142.5" customHeight="1" x14ac:dyDescent="0.25">
      <c r="A69" s="89" t="s">
        <v>63</v>
      </c>
      <c r="B69" s="90" t="s">
        <v>124</v>
      </c>
      <c r="C69" s="58"/>
      <c r="D69" s="109"/>
      <c r="E69" s="110"/>
    </row>
    <row r="70" spans="1:6" s="2" customFormat="1" ht="45.75" customHeight="1" x14ac:dyDescent="0.25">
      <c r="A70" s="89" t="s">
        <v>64</v>
      </c>
      <c r="B70" s="90" t="s">
        <v>125</v>
      </c>
      <c r="C70" s="58"/>
      <c r="D70" s="109"/>
      <c r="E70" s="110"/>
    </row>
    <row r="71" spans="1:6" s="3" customFormat="1" ht="57.75" customHeight="1" x14ac:dyDescent="0.25">
      <c r="A71" s="89" t="s">
        <v>65</v>
      </c>
      <c r="B71" s="90" t="s">
        <v>126</v>
      </c>
      <c r="C71" s="58"/>
      <c r="D71" s="109"/>
      <c r="E71" s="110"/>
    </row>
    <row r="72" spans="1:6" s="31" customFormat="1" ht="71.25" customHeight="1" x14ac:dyDescent="0.25">
      <c r="A72" s="89" t="s">
        <v>66</v>
      </c>
      <c r="B72" s="90" t="s">
        <v>127</v>
      </c>
      <c r="C72" s="58"/>
      <c r="D72" s="117"/>
      <c r="E72" s="118"/>
    </row>
    <row r="73" spans="1:6" s="31" customFormat="1" ht="99" customHeight="1" x14ac:dyDescent="0.25">
      <c r="A73" s="89" t="s">
        <v>67</v>
      </c>
      <c r="B73" s="90" t="s">
        <v>128</v>
      </c>
      <c r="C73" s="58"/>
      <c r="D73" s="117"/>
      <c r="E73" s="118"/>
    </row>
    <row r="74" spans="1:6" s="2" customFormat="1" ht="279.75" customHeight="1" x14ac:dyDescent="0.25">
      <c r="A74" s="89" t="s">
        <v>68</v>
      </c>
      <c r="B74" s="90" t="s">
        <v>129</v>
      </c>
      <c r="C74" s="58"/>
      <c r="D74" s="109"/>
      <c r="E74" s="110"/>
    </row>
    <row r="75" spans="1:6" s="2" customFormat="1" ht="120" customHeight="1" x14ac:dyDescent="0.25">
      <c r="A75" s="89" t="s">
        <v>77</v>
      </c>
      <c r="B75" s="90" t="s">
        <v>130</v>
      </c>
      <c r="C75" s="58"/>
      <c r="D75" s="109"/>
      <c r="E75" s="110"/>
    </row>
    <row r="76" spans="1:6" s="2" customFormat="1" ht="270" customHeight="1" x14ac:dyDescent="0.25">
      <c r="A76" s="89" t="s">
        <v>78</v>
      </c>
      <c r="B76" s="90" t="s">
        <v>131</v>
      </c>
      <c r="C76" s="58"/>
      <c r="D76" s="109"/>
      <c r="E76" s="110"/>
    </row>
    <row r="77" spans="1:6" s="3" customFormat="1" ht="126.75" customHeight="1" x14ac:dyDescent="0.25">
      <c r="A77" s="91" t="s">
        <v>79</v>
      </c>
      <c r="B77" s="99" t="s">
        <v>132</v>
      </c>
      <c r="C77" s="58"/>
      <c r="D77" s="109"/>
      <c r="E77" s="110"/>
    </row>
    <row r="78" spans="1:6" s="2" customFormat="1" ht="60" customHeight="1" x14ac:dyDescent="0.25">
      <c r="A78" s="97" t="s">
        <v>80</v>
      </c>
      <c r="B78" s="98" t="s">
        <v>133</v>
      </c>
      <c r="C78" s="58"/>
      <c r="D78" s="109"/>
      <c r="E78" s="110"/>
    </row>
    <row r="79" spans="1:6" s="3" customFormat="1" ht="108" customHeight="1" x14ac:dyDescent="0.25">
      <c r="A79" s="89" t="s">
        <v>81</v>
      </c>
      <c r="B79" s="90" t="s">
        <v>134</v>
      </c>
      <c r="C79" s="58"/>
      <c r="D79" s="109"/>
      <c r="E79" s="110"/>
    </row>
    <row r="80" spans="1:6" s="2" customFormat="1" ht="30" customHeight="1" x14ac:dyDescent="0.25">
      <c r="A80" s="89" t="s">
        <v>82</v>
      </c>
      <c r="B80" s="100" t="s">
        <v>135</v>
      </c>
      <c r="C80" s="58"/>
      <c r="D80" s="109"/>
      <c r="E80" s="110"/>
    </row>
    <row r="81" spans="1:6" s="2" customFormat="1" ht="54" customHeight="1" x14ac:dyDescent="0.25">
      <c r="A81" s="89" t="s">
        <v>83</v>
      </c>
      <c r="B81" s="90" t="s">
        <v>136</v>
      </c>
      <c r="C81" s="58"/>
      <c r="D81" s="109"/>
      <c r="E81" s="110"/>
    </row>
    <row r="82" spans="1:6" s="3" customFormat="1" ht="63.75" customHeight="1" x14ac:dyDescent="0.25">
      <c r="A82" s="101" t="s">
        <v>84</v>
      </c>
      <c r="B82" s="90" t="s">
        <v>137</v>
      </c>
      <c r="C82" s="58"/>
      <c r="D82" s="109"/>
      <c r="E82" s="110"/>
    </row>
    <row r="83" spans="1:6" s="3" customFormat="1" ht="80.25" customHeight="1" x14ac:dyDescent="0.25">
      <c r="A83" s="102" t="s">
        <v>85</v>
      </c>
      <c r="B83" s="103" t="s">
        <v>138</v>
      </c>
      <c r="C83" s="58"/>
      <c r="D83" s="109"/>
      <c r="E83" s="110"/>
    </row>
    <row r="84" spans="1:6" s="3" customFormat="1" ht="196.5" customHeight="1" x14ac:dyDescent="0.25">
      <c r="A84" s="89" t="s">
        <v>86</v>
      </c>
      <c r="B84" s="90" t="s">
        <v>139</v>
      </c>
      <c r="C84" s="58"/>
      <c r="D84" s="109"/>
      <c r="E84" s="110"/>
    </row>
    <row r="85" spans="1:6" ht="95.25" customHeight="1" x14ac:dyDescent="0.2">
      <c r="A85" s="101" t="s">
        <v>87</v>
      </c>
      <c r="B85" s="100" t="s">
        <v>140</v>
      </c>
      <c r="C85" s="58"/>
      <c r="D85" s="117"/>
      <c r="E85" s="118"/>
    </row>
    <row r="86" spans="1:6" s="2" customFormat="1" ht="129.94999999999999" customHeight="1" x14ac:dyDescent="0.25">
      <c r="A86" s="89" t="s">
        <v>88</v>
      </c>
      <c r="B86" s="100" t="s">
        <v>141</v>
      </c>
      <c r="C86" s="58"/>
      <c r="D86" s="109"/>
      <c r="E86" s="110"/>
    </row>
    <row r="87" spans="1:6" s="2" customFormat="1" ht="104.25" customHeight="1" x14ac:dyDescent="0.25">
      <c r="A87" s="89" t="s">
        <v>89</v>
      </c>
      <c r="B87" s="104" t="s">
        <v>142</v>
      </c>
      <c r="C87" s="84"/>
      <c r="D87" s="85"/>
      <c r="E87" s="86"/>
    </row>
    <row r="88" spans="1:6" s="2" customFormat="1" ht="52.5" customHeight="1" thickBot="1" x14ac:dyDescent="0.3">
      <c r="A88" s="81" t="s">
        <v>143</v>
      </c>
      <c r="B88" s="105" t="s">
        <v>144</v>
      </c>
      <c r="C88" s="59"/>
      <c r="D88" s="150"/>
      <c r="E88" s="151"/>
    </row>
    <row r="89" spans="1:6" s="64" customFormat="1" ht="26.25" customHeight="1" x14ac:dyDescent="0.25">
      <c r="A89" s="60"/>
      <c r="B89" s="61"/>
      <c r="C89" s="62"/>
      <c r="D89" s="62"/>
      <c r="E89" s="63"/>
    </row>
    <row r="90" spans="1:6" s="2" customFormat="1" ht="20.100000000000001" customHeight="1" x14ac:dyDescent="0.25">
      <c r="A90" s="119" t="s">
        <v>55</v>
      </c>
      <c r="B90" s="119"/>
      <c r="C90" s="119"/>
      <c r="D90" s="119"/>
      <c r="E90" s="119"/>
      <c r="F90" s="108"/>
    </row>
    <row r="91" spans="1:6" s="2" customFormat="1" ht="4.5" customHeight="1" thickBot="1" x14ac:dyDescent="0.3">
      <c r="F91" s="108"/>
    </row>
    <row r="92" spans="1:6" s="2" customFormat="1" ht="80.25" customHeight="1" x14ac:dyDescent="0.25">
      <c r="A92" s="122" t="s">
        <v>69</v>
      </c>
      <c r="B92" s="123"/>
      <c r="C92" s="126" t="s">
        <v>56</v>
      </c>
      <c r="D92" s="127"/>
      <c r="E92" s="128"/>
      <c r="F92" s="108"/>
    </row>
    <row r="93" spans="1:6" s="3" customFormat="1" ht="29.25" customHeight="1" thickBot="1" x14ac:dyDescent="0.3">
      <c r="A93" s="124"/>
      <c r="B93" s="125"/>
      <c r="C93" s="27" t="s">
        <v>6</v>
      </c>
      <c r="D93" s="152" t="s">
        <v>30</v>
      </c>
      <c r="E93" s="153"/>
      <c r="F93" s="108"/>
    </row>
    <row r="94" spans="1:6" s="3" customFormat="1" ht="39" customHeight="1" x14ac:dyDescent="0.25">
      <c r="A94" s="47" t="s">
        <v>31</v>
      </c>
      <c r="B94" s="65" t="s">
        <v>59</v>
      </c>
      <c r="C94" s="45"/>
      <c r="D94" s="156"/>
      <c r="E94" s="157"/>
      <c r="F94" s="108"/>
    </row>
    <row r="95" spans="1:6" s="3" customFormat="1" ht="27.95" customHeight="1" x14ac:dyDescent="0.25">
      <c r="A95" s="13" t="s">
        <v>32</v>
      </c>
      <c r="B95" s="66" t="s">
        <v>58</v>
      </c>
      <c r="C95" s="43"/>
      <c r="D95" s="154"/>
      <c r="E95" s="155"/>
      <c r="F95" s="108"/>
    </row>
    <row r="96" spans="1:6" s="2" customFormat="1" ht="36.6" customHeight="1" thickBot="1" x14ac:dyDescent="0.3">
      <c r="A96" s="13" t="s">
        <v>33</v>
      </c>
      <c r="B96" s="83" t="s">
        <v>57</v>
      </c>
      <c r="C96" s="44"/>
      <c r="D96" s="154"/>
      <c r="E96" s="155"/>
      <c r="F96" s="108"/>
    </row>
    <row r="97" spans="1:6" s="2" customFormat="1" ht="69.95" customHeight="1" thickBot="1" x14ac:dyDescent="0.3">
      <c r="A97" s="81" t="s">
        <v>114</v>
      </c>
      <c r="B97" s="82" t="s">
        <v>115</v>
      </c>
      <c r="C97" s="44"/>
      <c r="D97" s="106"/>
      <c r="E97" s="107"/>
      <c r="F97" s="74"/>
    </row>
    <row r="98" spans="1:6" s="2" customFormat="1" ht="5.0999999999999996" customHeight="1" x14ac:dyDescent="0.25">
      <c r="A98" s="5"/>
      <c r="B98" s="5"/>
      <c r="C98" s="7"/>
      <c r="D98" s="7"/>
      <c r="E98" s="29"/>
    </row>
    <row r="99" spans="1:6" s="2" customFormat="1" ht="20.100000000000001" customHeight="1" x14ac:dyDescent="0.25">
      <c r="A99" s="144" t="s">
        <v>14</v>
      </c>
      <c r="B99" s="144"/>
      <c r="C99" s="144"/>
      <c r="D99" s="144"/>
      <c r="E99" s="144"/>
    </row>
    <row r="100" spans="1:6" s="64" customFormat="1" ht="30" customHeight="1" x14ac:dyDescent="0.25">
      <c r="A100" s="61" t="s">
        <v>16</v>
      </c>
      <c r="B100" s="159" t="s">
        <v>90</v>
      </c>
      <c r="C100" s="159"/>
      <c r="D100" s="159"/>
      <c r="E100" s="159"/>
    </row>
    <row r="101" spans="1:6" s="67" customFormat="1" ht="30" customHeight="1" x14ac:dyDescent="0.25">
      <c r="A101" s="61" t="s">
        <v>34</v>
      </c>
      <c r="B101" s="158" t="s">
        <v>35</v>
      </c>
      <c r="C101" s="158"/>
      <c r="D101" s="158"/>
      <c r="E101" s="158"/>
    </row>
    <row r="102" spans="1:6" s="31" customFormat="1" ht="30" customHeight="1" x14ac:dyDescent="0.25">
      <c r="A102" s="160" t="s">
        <v>36</v>
      </c>
      <c r="B102" s="160"/>
      <c r="C102" s="160"/>
      <c r="D102" s="160"/>
      <c r="E102" s="3"/>
    </row>
    <row r="103" spans="1:6" s="2" customFormat="1" ht="28.5" customHeight="1" x14ac:dyDescent="0.25">
      <c r="A103" s="30" t="s">
        <v>37</v>
      </c>
      <c r="B103" s="165"/>
      <c r="C103" s="165"/>
      <c r="E103" s="31"/>
    </row>
    <row r="104" spans="1:6" s="2" customFormat="1" ht="27" customHeight="1" x14ac:dyDescent="0.25">
      <c r="A104" s="30" t="s">
        <v>38</v>
      </c>
      <c r="B104" s="161"/>
      <c r="C104" s="161"/>
      <c r="E104" s="31"/>
    </row>
    <row r="105" spans="1:6" s="2" customFormat="1" ht="26.45" customHeight="1" x14ac:dyDescent="0.25">
      <c r="A105" s="30" t="s">
        <v>39</v>
      </c>
      <c r="B105" s="161"/>
      <c r="C105" s="161"/>
      <c r="E105" s="31"/>
    </row>
    <row r="106" spans="1:6" s="3" customFormat="1" ht="29.1" customHeight="1" x14ac:dyDescent="0.25">
      <c r="A106" s="30" t="s">
        <v>40</v>
      </c>
      <c r="B106" s="161"/>
      <c r="C106" s="161"/>
      <c r="D106" s="2"/>
      <c r="E106" s="32"/>
    </row>
    <row r="107" spans="1:6" s="2" customFormat="1" ht="46.5" customHeight="1" x14ac:dyDescent="0.2">
      <c r="A107" s="11"/>
      <c r="B107" s="12"/>
      <c r="C107" s="12"/>
      <c r="E107" s="33"/>
    </row>
    <row r="108" spans="1:6" s="3" customFormat="1" ht="15" customHeight="1" x14ac:dyDescent="0.25">
      <c r="A108" s="162" t="s">
        <v>41</v>
      </c>
      <c r="B108" s="162"/>
      <c r="C108" s="162"/>
      <c r="D108" s="162"/>
      <c r="E108" s="162"/>
    </row>
    <row r="109" spans="1:6" s="2" customFormat="1" ht="36.75" customHeight="1" x14ac:dyDescent="0.25">
      <c r="A109" s="163" t="s">
        <v>52</v>
      </c>
      <c r="B109" s="163"/>
      <c r="C109" s="163"/>
      <c r="D109" s="163"/>
      <c r="E109" s="163"/>
    </row>
    <row r="110" spans="1:6" s="2" customFormat="1" ht="20.100000000000001" customHeight="1" x14ac:dyDescent="0.2">
      <c r="A110" s="1"/>
      <c r="B110" s="1"/>
      <c r="C110" s="8"/>
      <c r="D110" s="8"/>
    </row>
    <row r="111" spans="1:6" s="3" customFormat="1" ht="4.5" customHeight="1" x14ac:dyDescent="0.2">
      <c r="A111" s="1"/>
      <c r="B111" s="1"/>
      <c r="C111" s="8"/>
      <c r="D111" s="8"/>
      <c r="E111" s="2"/>
    </row>
    <row r="112" spans="1:6" s="3" customFormat="1" ht="20.100000000000001" customHeight="1" x14ac:dyDescent="0.25">
      <c r="A112" s="34" t="s">
        <v>42</v>
      </c>
      <c r="B112" s="54"/>
      <c r="C112" s="35" t="s">
        <v>43</v>
      </c>
      <c r="D112" s="164"/>
      <c r="E112" s="164"/>
    </row>
    <row r="113" spans="1:5" s="3" customFormat="1" ht="20.100000000000001" customHeight="1" x14ac:dyDescent="0.25">
      <c r="A113" s="50" t="s">
        <v>44</v>
      </c>
      <c r="B113" s="55"/>
      <c r="C113" s="36"/>
      <c r="D113" s="37"/>
      <c r="E113" s="37"/>
    </row>
    <row r="114" spans="1:5" ht="20.100000000000001" customHeight="1" x14ac:dyDescent="0.2">
      <c r="C114" s="38" t="s">
        <v>45</v>
      </c>
      <c r="D114" s="165"/>
      <c r="E114" s="165"/>
    </row>
    <row r="115" spans="1:5" s="2" customFormat="1" ht="20.100000000000001" customHeight="1" x14ac:dyDescent="0.2">
      <c r="A115" s="1"/>
      <c r="B115" s="1"/>
      <c r="C115" s="38" t="s">
        <v>46</v>
      </c>
      <c r="D115" s="161"/>
      <c r="E115" s="161"/>
    </row>
    <row r="116" spans="1:5" s="2" customFormat="1" ht="20.100000000000001" customHeight="1" x14ac:dyDescent="0.2">
      <c r="A116" s="1"/>
      <c r="B116" s="1"/>
      <c r="C116" s="39" t="s">
        <v>47</v>
      </c>
      <c r="D116" s="1"/>
    </row>
    <row r="117" spans="1:5" s="2" customFormat="1" ht="37.5" customHeight="1" x14ac:dyDescent="0.25"/>
    <row r="118" spans="1:5" s="2" customFormat="1" ht="24" customHeight="1" x14ac:dyDescent="0.25"/>
    <row r="119" spans="1:5" s="2" customFormat="1" ht="24" customHeight="1" x14ac:dyDescent="0.25"/>
    <row r="120" spans="1:5" s="2" customFormat="1" ht="24" customHeight="1" x14ac:dyDescent="0.25"/>
    <row r="121" spans="1:5" s="2" customFormat="1" ht="20.100000000000001" customHeight="1" x14ac:dyDescent="0.25"/>
    <row r="122" spans="1:5" s="2" customFormat="1" ht="20.100000000000001" customHeight="1" x14ac:dyDescent="0.25"/>
    <row r="123" spans="1:5" s="2" customFormat="1" ht="50.1" customHeight="1" x14ac:dyDescent="0.25"/>
    <row r="124" spans="1:5" s="2" customFormat="1" ht="43.5" customHeight="1" x14ac:dyDescent="0.25"/>
    <row r="125" spans="1:5" ht="24.75" customHeight="1" x14ac:dyDescent="0.2">
      <c r="A125" s="2"/>
      <c r="B125" s="2"/>
      <c r="C125" s="2"/>
      <c r="D125" s="2"/>
    </row>
    <row r="126" spans="1:5" x14ac:dyDescent="0.2">
      <c r="A126" s="2"/>
      <c r="B126" s="2"/>
      <c r="C126" s="2"/>
      <c r="D126" s="2"/>
    </row>
    <row r="127" spans="1:5" ht="20.100000000000001" customHeight="1" x14ac:dyDescent="0.2"/>
    <row r="128" spans="1:5" ht="4.5" customHeight="1" x14ac:dyDescent="0.2"/>
    <row r="129" ht="20.100000000000001" customHeight="1" x14ac:dyDescent="0.2"/>
    <row r="130" ht="20.100000000000001" customHeight="1" x14ac:dyDescent="0.2"/>
    <row r="131" ht="20.100000000000001" customHeight="1" x14ac:dyDescent="0.2"/>
  </sheetData>
  <mergeCells count="97">
    <mergeCell ref="A99:E99"/>
    <mergeCell ref="B101:E101"/>
    <mergeCell ref="B100:E100"/>
    <mergeCell ref="A102:D102"/>
    <mergeCell ref="D115:E115"/>
    <mergeCell ref="A108:E108"/>
    <mergeCell ref="A109:E109"/>
    <mergeCell ref="D112:E112"/>
    <mergeCell ref="D114:E114"/>
    <mergeCell ref="B103:C103"/>
    <mergeCell ref="B104:C104"/>
    <mergeCell ref="B105:C105"/>
    <mergeCell ref="B106:C106"/>
    <mergeCell ref="A92:B93"/>
    <mergeCell ref="C92:E92"/>
    <mergeCell ref="D93:E93"/>
    <mergeCell ref="D96:E96"/>
    <mergeCell ref="D94:E94"/>
    <mergeCell ref="D95:E95"/>
    <mergeCell ref="A34:E34"/>
    <mergeCell ref="D84:E84"/>
    <mergeCell ref="D85:E85"/>
    <mergeCell ref="D86:E86"/>
    <mergeCell ref="D88:E88"/>
    <mergeCell ref="A59:B60"/>
    <mergeCell ref="C59:E59"/>
    <mergeCell ref="D60:E60"/>
    <mergeCell ref="D40:E40"/>
    <mergeCell ref="D41:E41"/>
    <mergeCell ref="D42:E42"/>
    <mergeCell ref="A57:E57"/>
    <mergeCell ref="D79:E79"/>
    <mergeCell ref="D44:E44"/>
    <mergeCell ref="D45:E45"/>
    <mergeCell ref="D51:E51"/>
    <mergeCell ref="A1:E1"/>
    <mergeCell ref="A12:C12"/>
    <mergeCell ref="A23:B23"/>
    <mergeCell ref="A26:B26"/>
    <mergeCell ref="A13:C13"/>
    <mergeCell ref="A2:E2"/>
    <mergeCell ref="A18:E18"/>
    <mergeCell ref="A19:E19"/>
    <mergeCell ref="A20:C20"/>
    <mergeCell ref="A21:E21"/>
    <mergeCell ref="A16:C16"/>
    <mergeCell ref="A22:E22"/>
    <mergeCell ref="A3:E3"/>
    <mergeCell ref="A7:E7"/>
    <mergeCell ref="A8:E8"/>
    <mergeCell ref="A9:E9"/>
    <mergeCell ref="A11:E11"/>
    <mergeCell ref="D80:E80"/>
    <mergeCell ref="D81:E81"/>
    <mergeCell ref="D82:E82"/>
    <mergeCell ref="D83:E83"/>
    <mergeCell ref="A17:C17"/>
    <mergeCell ref="A36:B37"/>
    <mergeCell ref="C36:E36"/>
    <mergeCell ref="D61:E61"/>
    <mergeCell ref="D62:E62"/>
    <mergeCell ref="D43:E43"/>
    <mergeCell ref="D39:E39"/>
    <mergeCell ref="A38:B38"/>
    <mergeCell ref="A30:B30"/>
    <mergeCell ref="D37:E37"/>
    <mergeCell ref="B27:C27"/>
    <mergeCell ref="B28:C28"/>
    <mergeCell ref="F90:F96"/>
    <mergeCell ref="D68:E68"/>
    <mergeCell ref="D63:E63"/>
    <mergeCell ref="D64:E64"/>
    <mergeCell ref="D77:E77"/>
    <mergeCell ref="D78:E78"/>
    <mergeCell ref="D69:E69"/>
    <mergeCell ref="D70:E70"/>
    <mergeCell ref="D71:E71"/>
    <mergeCell ref="D72:E72"/>
    <mergeCell ref="D73:E73"/>
    <mergeCell ref="D75:E75"/>
    <mergeCell ref="D76:E76"/>
    <mergeCell ref="D74:E74"/>
    <mergeCell ref="A90:E90"/>
    <mergeCell ref="D52:E52"/>
    <mergeCell ref="D53:E53"/>
    <mergeCell ref="D54:E54"/>
    <mergeCell ref="D55:E55"/>
    <mergeCell ref="D46:E46"/>
    <mergeCell ref="D47:E47"/>
    <mergeCell ref="D48:E48"/>
    <mergeCell ref="D49:E49"/>
    <mergeCell ref="D50:E50"/>
    <mergeCell ref="D97:E97"/>
    <mergeCell ref="F62:F68"/>
    <mergeCell ref="D65:E65"/>
    <mergeCell ref="D66:E66"/>
    <mergeCell ref="D67:E67"/>
  </mergeCells>
  <conditionalFormatting sqref="B103:C106 C39:C43">
    <cfRule type="containsBlanks" dxfId="16" priority="42">
      <formula>LEN(TRIM(B39))=0</formula>
    </cfRule>
  </conditionalFormatting>
  <conditionalFormatting sqref="D114:E114">
    <cfRule type="containsBlanks" dxfId="15" priority="41">
      <formula>LEN(TRIM(D114))=0</formula>
    </cfRule>
  </conditionalFormatting>
  <conditionalFormatting sqref="D115:E115">
    <cfRule type="containsBlanks" dxfId="14" priority="40">
      <formula>LEN(TRIM(D115))=0</formula>
    </cfRule>
  </conditionalFormatting>
  <conditionalFormatting sqref="C94">
    <cfRule type="containsBlanks" dxfId="13" priority="31">
      <formula>LEN(TRIM(C94))=0</formula>
    </cfRule>
  </conditionalFormatting>
  <conditionalFormatting sqref="C95">
    <cfRule type="containsBlanks" dxfId="12" priority="30">
      <formula>LEN(TRIM(C95))=0</formula>
    </cfRule>
  </conditionalFormatting>
  <conditionalFormatting sqref="C96">
    <cfRule type="containsBlanks" dxfId="11" priority="28">
      <formula>LEN(TRIM(C96))=0</formula>
    </cfRule>
  </conditionalFormatting>
  <conditionalFormatting sqref="B112">
    <cfRule type="containsBlanks" dxfId="10" priority="21">
      <formula>LEN(TRIM(B112))=0</formula>
    </cfRule>
  </conditionalFormatting>
  <conditionalFormatting sqref="B4">
    <cfRule type="containsBlanks" dxfId="9" priority="23">
      <formula>LEN(TRIM(B4))=0</formula>
    </cfRule>
  </conditionalFormatting>
  <conditionalFormatting sqref="B5">
    <cfRule type="containsBlanks" dxfId="8" priority="22">
      <formula>LEN(TRIM(B5))=0</formula>
    </cfRule>
  </conditionalFormatting>
  <conditionalFormatting sqref="B113">
    <cfRule type="containsBlanks" dxfId="7" priority="20">
      <formula>LEN(TRIM(B113))=0</formula>
    </cfRule>
  </conditionalFormatting>
  <conditionalFormatting sqref="C61:C88">
    <cfRule type="containsBlanks" dxfId="6" priority="16">
      <formula>LEN(TRIM(C61))=0</formula>
    </cfRule>
  </conditionalFormatting>
  <conditionalFormatting sqref="C44:C45">
    <cfRule type="containsBlanks" dxfId="5" priority="13">
      <formula>LEN(TRIM(C44))=0</formula>
    </cfRule>
  </conditionalFormatting>
  <conditionalFormatting sqref="C46:C50">
    <cfRule type="containsBlanks" dxfId="4" priority="5">
      <formula>LEN(TRIM(C46))=0</formula>
    </cfRule>
  </conditionalFormatting>
  <conditionalFormatting sqref="C51:C52">
    <cfRule type="containsBlanks" dxfId="3" priority="4">
      <formula>LEN(TRIM(C51))=0</formula>
    </cfRule>
  </conditionalFormatting>
  <conditionalFormatting sqref="C53">
    <cfRule type="containsBlanks" dxfId="2" priority="3">
      <formula>LEN(TRIM(C53))=0</formula>
    </cfRule>
  </conditionalFormatting>
  <conditionalFormatting sqref="C54:C55">
    <cfRule type="containsBlanks" dxfId="1" priority="2">
      <formula>LEN(TRIM(C54))=0</formula>
    </cfRule>
  </conditionalFormatting>
  <conditionalFormatting sqref="C97">
    <cfRule type="containsBlanks" dxfId="0" priority="1">
      <formula>LEN(TRIM(C97))=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8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8-02T11:33:32Z</dcterms:modified>
</cp:coreProperties>
</file>